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727"/>
  <workbookPr defaultThemeVersion="166925"/>
  <mc:AlternateContent xmlns:mc="http://schemas.openxmlformats.org/markup-compatibility/2006">
    <mc:Choice Requires="x15">
      <x15ac:absPath xmlns:x15ac="http://schemas.microsoft.com/office/spreadsheetml/2010/11/ac" url="H:\Documents\PROTOKOLL_lønnssatser\2019\"/>
    </mc:Choice>
  </mc:AlternateContent>
  <xr:revisionPtr revIDLastSave="0" documentId="8_{C86A60BB-528C-413B-9A26-416D20A0460D}" xr6:coauthVersionLast="43" xr6:coauthVersionMax="43" xr10:uidLastSave="{00000000-0000-0000-0000-000000000000}"/>
  <bookViews>
    <workbookView xWindow="-120" yWindow="-120" windowWidth="29040" windowHeight="15840" activeTab="2" xr2:uid="{9780480E-F39D-4754-A662-A0237351F623}"/>
  </bookViews>
  <sheets>
    <sheet name="Sentrale tillegg" sheetId="1" r:id="rId1"/>
    <sheet name="Særskilte lønnstiltak" sheetId="3" r:id="rId2"/>
    <sheet name="Garantilønn-Ansiennitetstillegg" sheetId="2" r:id="rId3"/>
  </sheets>
  <calcPr calcId="17902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</xcalcf:calcFeatures>
    </ext>
  </extLst>
</workbook>
</file>

<file path=xl/sharedStrings.xml><?xml version="1.0" encoding="utf-8"?>
<sst xmlns="http://schemas.openxmlformats.org/spreadsheetml/2006/main" count="91" uniqueCount="38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Utregnet tillegg for ansiennitet</t>
  </si>
  <si>
    <t>Utregnet laveste årslønn</t>
  </si>
  <si>
    <t xml:space="preserve">Fagarbeiderstillinger/ tilsvarende fagarbeiderstillinger </t>
  </si>
  <si>
    <t>Stillinger m/ krav om fagbrev og 1-årig fagskoleutdanning</t>
  </si>
  <si>
    <t>Lærer og Stillinger med krav om 3-årig U/H-utdanning</t>
  </si>
  <si>
    <t>Adjunkt og Stillinger med krav om 4-årig U/H-utdanning</t>
  </si>
  <si>
    <t>Adjunkt m/ tilleggsutdanning og Stillinger med krav om 5-årig U/H-utdanning</t>
  </si>
  <si>
    <t>Lektor og Stillinger med krav om mastergrad</t>
  </si>
  <si>
    <t>Lektor m/ tilleggsutdanning</t>
  </si>
  <si>
    <t>Merknad: Ansiennitetstillegget legges i sin helhet til den enkeltes årslønn.</t>
  </si>
  <si>
    <t>Stillingsgruppe</t>
  </si>
  <si>
    <t>Fagarbeiderstillinger/ tilsvarende fagarbeiderstillinger</t>
  </si>
  <si>
    <t>Stillinger med krav om fagbrev og 1-årig fagskoleutdanning</t>
  </si>
  <si>
    <t xml:space="preserve">Lærer og Stillinger med krav om 3-årig U/H-utdanning </t>
  </si>
  <si>
    <t xml:space="preserve">Adjunkt og Stillinger med krav om 4-årig U/H-utdanning </t>
  </si>
  <si>
    <t>Adjunkt med tilleggsutdanning og Stillinger med krav om 5-årig U/H-utdanning</t>
  </si>
  <si>
    <t>Lektor med tilleggsutdanning</t>
  </si>
  <si>
    <t>Gjelder for:</t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helse og sosiale tjenest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barnehag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utdanning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virksomheter (§ 27) </t>
    </r>
  </si>
  <si>
    <t>Sentrale tillegg pr. 1.5.2019</t>
  </si>
  <si>
    <t>Fagarbeiderstillinger/ tilsv. fagargeiderstilling</t>
  </si>
  <si>
    <t>Særskilte lønnstiltak pr 1.7.2019</t>
  </si>
  <si>
    <t>Garantilønn og lønnstillegg for ansiennitet - tabell pr. 1.7.2019</t>
  </si>
  <si>
    <t>Garantilønn og lønnstillegg for ansiennitet - pr 1.7.201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0"/>
      <color theme="1"/>
      <name val="Trebuchet MS"/>
      <family val="2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sz val="7"/>
      <color theme="1"/>
      <name val="Times New Roman"/>
      <family val="1"/>
    </font>
    <font>
      <b/>
      <sz val="10"/>
      <color theme="1"/>
      <name val="Trebuchet MS"/>
      <family val="2"/>
    </font>
    <font>
      <sz val="10"/>
      <color theme="1"/>
      <name val="Trebuchet MS"/>
      <family val="2"/>
    </font>
  </fonts>
  <fills count="2">
    <fill>
      <patternFill patternType="none"/>
    </fill>
    <fill>
      <patternFill patternType="gray125"/>
    </fill>
  </fills>
  <borders count="30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</borders>
  <cellStyleXfs count="1">
    <xf numFmtId="0" fontId="0" fillId="0" borderId="0"/>
  </cellStyleXfs>
  <cellXfs count="50">
    <xf numFmtId="0" fontId="0" fillId="0" borderId="0" xfId="0"/>
    <xf numFmtId="0" fontId="0" fillId="0" borderId="7" xfId="0" applyBorder="1"/>
    <xf numFmtId="0" fontId="0" fillId="0" borderId="8" xfId="0" applyBorder="1"/>
    <xf numFmtId="0" fontId="0" fillId="0" borderId="1" xfId="0" applyBorder="1"/>
    <xf numFmtId="0" fontId="0" fillId="0" borderId="0" xfId="0" applyBorder="1"/>
    <xf numFmtId="0" fontId="0" fillId="0" borderId="5" xfId="0" applyBorder="1" applyAlignment="1">
      <alignment wrapText="1"/>
    </xf>
    <xf numFmtId="0" fontId="0" fillId="0" borderId="6" xfId="0" applyBorder="1" applyAlignment="1">
      <alignment wrapText="1"/>
    </xf>
    <xf numFmtId="0" fontId="0" fillId="0" borderId="4" xfId="0" applyBorder="1"/>
    <xf numFmtId="3" fontId="0" fillId="0" borderId="9" xfId="0" applyNumberFormat="1" applyBorder="1"/>
    <xf numFmtId="0" fontId="0" fillId="0" borderId="9" xfId="0" applyBorder="1"/>
    <xf numFmtId="3" fontId="0" fillId="0" borderId="10" xfId="0" applyNumberFormat="1" applyBorder="1"/>
    <xf numFmtId="0" fontId="0" fillId="0" borderId="11" xfId="0" applyBorder="1"/>
    <xf numFmtId="0" fontId="0" fillId="0" borderId="12" xfId="0" applyBorder="1"/>
    <xf numFmtId="0" fontId="0" fillId="0" borderId="13" xfId="0" applyBorder="1"/>
    <xf numFmtId="3" fontId="0" fillId="0" borderId="14" xfId="0" applyNumberFormat="1" applyBorder="1"/>
    <xf numFmtId="3" fontId="0" fillId="0" borderId="13" xfId="0" applyNumberFormat="1" applyBorder="1"/>
    <xf numFmtId="0" fontId="0" fillId="0" borderId="14" xfId="0" applyBorder="1"/>
    <xf numFmtId="0" fontId="0" fillId="0" borderId="15" xfId="0" applyBorder="1"/>
    <xf numFmtId="3" fontId="0" fillId="0" borderId="16" xfId="0" applyNumberFormat="1" applyBorder="1"/>
    <xf numFmtId="3" fontId="0" fillId="0" borderId="17" xfId="0" applyNumberFormat="1" applyBorder="1"/>
    <xf numFmtId="0" fontId="2" fillId="0" borderId="0" xfId="0" applyFont="1" applyAlignment="1">
      <alignment vertical="center"/>
    </xf>
    <xf numFmtId="0" fontId="1" fillId="0" borderId="0" xfId="0" applyFont="1"/>
    <xf numFmtId="0" fontId="0" fillId="0" borderId="3" xfId="0" applyBorder="1" applyAlignment="1">
      <alignment wrapText="1"/>
    </xf>
    <xf numFmtId="3" fontId="0" fillId="0" borderId="11" xfId="0" applyNumberFormat="1" applyBorder="1" applyAlignment="1">
      <alignment horizontal="right"/>
    </xf>
    <xf numFmtId="3" fontId="0" fillId="0" borderId="12" xfId="0" applyNumberFormat="1" applyBorder="1" applyAlignment="1">
      <alignment horizontal="right"/>
    </xf>
    <xf numFmtId="3" fontId="0" fillId="0" borderId="9" xfId="0" applyNumberFormat="1" applyBorder="1" applyAlignment="1">
      <alignment horizontal="right"/>
    </xf>
    <xf numFmtId="3" fontId="0" fillId="0" borderId="14" xfId="0" applyNumberFormat="1" applyBorder="1" applyAlignment="1">
      <alignment horizontal="right"/>
    </xf>
    <xf numFmtId="3" fontId="0" fillId="0" borderId="18" xfId="0" applyNumberFormat="1" applyBorder="1" applyAlignment="1">
      <alignment horizontal="right"/>
    </xf>
    <xf numFmtId="3" fontId="0" fillId="0" borderId="19" xfId="0" applyNumberFormat="1" applyBorder="1" applyAlignment="1">
      <alignment horizontal="right"/>
    </xf>
    <xf numFmtId="3" fontId="0" fillId="0" borderId="20" xfId="0" applyNumberFormat="1" applyBorder="1"/>
    <xf numFmtId="0" fontId="0" fillId="0" borderId="21" xfId="0" applyBorder="1" applyAlignment="1">
      <alignment wrapText="1"/>
    </xf>
    <xf numFmtId="0" fontId="0" fillId="0" borderId="22" xfId="0" applyBorder="1" applyAlignment="1">
      <alignment wrapText="1"/>
    </xf>
    <xf numFmtId="0" fontId="0" fillId="0" borderId="23" xfId="0" applyBorder="1" applyAlignment="1">
      <alignment wrapText="1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 indent="5"/>
    </xf>
    <xf numFmtId="0" fontId="6" fillId="0" borderId="2" xfId="0" applyFont="1" applyBorder="1" applyAlignment="1">
      <alignment horizontal="center" vertical="center" wrapText="1"/>
    </xf>
    <xf numFmtId="0" fontId="7" fillId="0" borderId="25" xfId="0" applyFont="1" applyBorder="1" applyAlignment="1">
      <alignment vertical="center" wrapText="1"/>
    </xf>
    <xf numFmtId="3" fontId="7" fillId="0" borderId="24" xfId="0" applyNumberFormat="1" applyFont="1" applyBorder="1" applyAlignment="1">
      <alignment horizontal="center" vertical="center" wrapText="1"/>
    </xf>
    <xf numFmtId="0" fontId="6" fillId="0" borderId="1" xfId="0" applyFont="1" applyBorder="1" applyAlignment="1">
      <alignment vertical="center" wrapText="1"/>
    </xf>
    <xf numFmtId="3" fontId="7" fillId="0" borderId="26" xfId="0" applyNumberFormat="1" applyFont="1" applyBorder="1" applyAlignment="1">
      <alignment horizontal="center" vertical="center" wrapText="1"/>
    </xf>
    <xf numFmtId="3" fontId="7" fillId="0" borderId="27" xfId="0" applyNumberFormat="1" applyFont="1" applyBorder="1" applyAlignment="1">
      <alignment horizontal="center" vertical="center" wrapText="1"/>
    </xf>
    <xf numFmtId="3" fontId="7" fillId="0" borderId="28" xfId="0" applyNumberFormat="1" applyFont="1" applyBorder="1" applyAlignment="1">
      <alignment horizontal="center" vertical="center" wrapText="1"/>
    </xf>
    <xf numFmtId="3" fontId="7" fillId="0" borderId="6" xfId="0" applyNumberFormat="1" applyFont="1" applyBorder="1" applyAlignment="1">
      <alignment horizontal="center" vertical="center" wrapText="1"/>
    </xf>
    <xf numFmtId="3" fontId="7" fillId="0" borderId="29" xfId="0" applyNumberFormat="1" applyFont="1" applyBorder="1" applyAlignment="1">
      <alignment horizontal="center" vertical="center" wrapText="1"/>
    </xf>
    <xf numFmtId="3" fontId="7" fillId="0" borderId="24" xfId="0" applyNumberFormat="1" applyFont="1" applyBorder="1" applyAlignment="1">
      <alignment horizontal="center" vertical="center" wrapText="1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2" xfId="0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0C882C-4D01-4C93-95BA-A51087911739}">
  <dimension ref="A1:H16"/>
  <sheetViews>
    <sheetView workbookViewId="0">
      <selection activeCell="D20" sqref="D20"/>
    </sheetView>
  </sheetViews>
  <sheetFormatPr baseColWidth="10" defaultRowHeight="15" x14ac:dyDescent="0.25"/>
  <cols>
    <col min="1" max="1" width="35.85546875" customWidth="1"/>
  </cols>
  <sheetData>
    <row r="1" spans="1:8" x14ac:dyDescent="0.25">
      <c r="A1" s="21" t="s">
        <v>33</v>
      </c>
    </row>
    <row r="2" spans="1:8" x14ac:dyDescent="0.25">
      <c r="A2" s="33" t="s">
        <v>28</v>
      </c>
    </row>
    <row r="3" spans="1:8" x14ac:dyDescent="0.25">
      <c r="A3" s="34" t="s">
        <v>29</v>
      </c>
    </row>
    <row r="4" spans="1:8" x14ac:dyDescent="0.25">
      <c r="A4" s="34" t="s">
        <v>30</v>
      </c>
    </row>
    <row r="5" spans="1:8" x14ac:dyDescent="0.25">
      <c r="A5" s="34" t="s">
        <v>31</v>
      </c>
    </row>
    <row r="6" spans="1:8" x14ac:dyDescent="0.25">
      <c r="A6" s="34" t="s">
        <v>32</v>
      </c>
    </row>
    <row r="7" spans="1:8" ht="15.75" thickBot="1" x14ac:dyDescent="0.3">
      <c r="A7" s="34"/>
    </row>
    <row r="8" spans="1:8" ht="15.75" thickBot="1" x14ac:dyDescent="0.3">
      <c r="A8" s="22" t="s">
        <v>21</v>
      </c>
      <c r="B8" s="1" t="s">
        <v>1</v>
      </c>
      <c r="C8" s="3" t="s">
        <v>2</v>
      </c>
      <c r="D8" s="3" t="s">
        <v>3</v>
      </c>
      <c r="E8" s="3" t="s">
        <v>4</v>
      </c>
      <c r="F8" s="3" t="s">
        <v>5</v>
      </c>
      <c r="G8" s="3" t="s">
        <v>6</v>
      </c>
      <c r="H8" s="3" t="s">
        <v>7</v>
      </c>
    </row>
    <row r="9" spans="1:8" ht="30" x14ac:dyDescent="0.25">
      <c r="A9" s="30" t="s">
        <v>10</v>
      </c>
      <c r="B9" s="27">
        <v>8000</v>
      </c>
      <c r="C9" s="23">
        <v>8000</v>
      </c>
      <c r="D9" s="23">
        <v>8000</v>
      </c>
      <c r="E9" s="23">
        <v>8000</v>
      </c>
      <c r="F9" s="23">
        <v>8000</v>
      </c>
      <c r="G9" s="23">
        <v>8000</v>
      </c>
      <c r="H9" s="24">
        <v>8900</v>
      </c>
    </row>
    <row r="10" spans="1:8" ht="30" x14ac:dyDescent="0.25">
      <c r="A10" s="31" t="s">
        <v>22</v>
      </c>
      <c r="B10" s="28">
        <v>12000</v>
      </c>
      <c r="C10" s="25">
        <v>12000</v>
      </c>
      <c r="D10" s="25">
        <v>12000</v>
      </c>
      <c r="E10" s="25">
        <v>12000</v>
      </c>
      <c r="F10" s="25">
        <v>12000</v>
      </c>
      <c r="G10" s="25">
        <v>12000</v>
      </c>
      <c r="H10" s="26">
        <v>12000</v>
      </c>
    </row>
    <row r="11" spans="1:8" ht="30" x14ac:dyDescent="0.25">
      <c r="A11" s="31" t="s">
        <v>23</v>
      </c>
      <c r="B11" s="28">
        <v>13000</v>
      </c>
      <c r="C11" s="25">
        <v>13000</v>
      </c>
      <c r="D11" s="25">
        <v>13000</v>
      </c>
      <c r="E11" s="25">
        <v>13000</v>
      </c>
      <c r="F11" s="25">
        <v>13000</v>
      </c>
      <c r="G11" s="25">
        <v>13000</v>
      </c>
      <c r="H11" s="26">
        <v>13000</v>
      </c>
    </row>
    <row r="12" spans="1:8" ht="30" x14ac:dyDescent="0.25">
      <c r="A12" s="31" t="s">
        <v>24</v>
      </c>
      <c r="B12" s="28">
        <v>14000</v>
      </c>
      <c r="C12" s="25">
        <v>14000</v>
      </c>
      <c r="D12" s="25">
        <v>14000</v>
      </c>
      <c r="E12" s="25">
        <v>14000</v>
      </c>
      <c r="F12" s="25">
        <v>14000</v>
      </c>
      <c r="G12" s="25">
        <v>14000</v>
      </c>
      <c r="H12" s="26">
        <v>14000</v>
      </c>
    </row>
    <row r="13" spans="1:8" ht="30" x14ac:dyDescent="0.25">
      <c r="A13" s="31" t="s">
        <v>25</v>
      </c>
      <c r="B13" s="28">
        <v>15000</v>
      </c>
      <c r="C13" s="25">
        <v>15000</v>
      </c>
      <c r="D13" s="25">
        <v>15000</v>
      </c>
      <c r="E13" s="25">
        <v>15500</v>
      </c>
      <c r="F13" s="25">
        <v>15500</v>
      </c>
      <c r="G13" s="25">
        <v>16500</v>
      </c>
      <c r="H13" s="26">
        <v>17000</v>
      </c>
    </row>
    <row r="14" spans="1:8" ht="45" x14ac:dyDescent="0.25">
      <c r="A14" s="31" t="s">
        <v>26</v>
      </c>
      <c r="B14" s="28">
        <v>15000</v>
      </c>
      <c r="C14" s="25">
        <v>15000</v>
      </c>
      <c r="D14" s="25">
        <v>15000</v>
      </c>
      <c r="E14" s="25">
        <v>15500</v>
      </c>
      <c r="F14" s="25">
        <v>15500</v>
      </c>
      <c r="G14" s="25">
        <v>16500</v>
      </c>
      <c r="H14" s="26">
        <v>17000</v>
      </c>
    </row>
    <row r="15" spans="1:8" ht="30" x14ac:dyDescent="0.25">
      <c r="A15" s="31" t="s">
        <v>18</v>
      </c>
      <c r="B15" s="28">
        <v>16000</v>
      </c>
      <c r="C15" s="25">
        <v>16000</v>
      </c>
      <c r="D15" s="25">
        <v>16000</v>
      </c>
      <c r="E15" s="25">
        <v>16500</v>
      </c>
      <c r="F15" s="25">
        <v>16500</v>
      </c>
      <c r="G15" s="25">
        <v>18000</v>
      </c>
      <c r="H15" s="26">
        <v>19500</v>
      </c>
    </row>
    <row r="16" spans="1:8" ht="15.75" thickBot="1" x14ac:dyDescent="0.3">
      <c r="A16" s="32" t="s">
        <v>27</v>
      </c>
      <c r="B16" s="29">
        <v>17000</v>
      </c>
      <c r="C16" s="18">
        <v>17000</v>
      </c>
      <c r="D16" s="18">
        <v>17000</v>
      </c>
      <c r="E16" s="18">
        <v>17500</v>
      </c>
      <c r="F16" s="18">
        <v>17500</v>
      </c>
      <c r="G16" s="18">
        <v>19000</v>
      </c>
      <c r="H16" s="19">
        <v>20000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201751A-98A6-4177-B59B-964C77BFD89B}">
  <dimension ref="A1:H13"/>
  <sheetViews>
    <sheetView workbookViewId="0">
      <selection activeCell="F16" sqref="F16"/>
    </sheetView>
  </sheetViews>
  <sheetFormatPr baseColWidth="10" defaultRowHeight="15" x14ac:dyDescent="0.25"/>
  <cols>
    <col min="1" max="1" width="54.28515625" customWidth="1"/>
  </cols>
  <sheetData>
    <row r="1" spans="1:8" x14ac:dyDescent="0.25">
      <c r="A1" s="21" t="s">
        <v>35</v>
      </c>
    </row>
    <row r="3" spans="1:8" x14ac:dyDescent="0.25">
      <c r="A3" s="33" t="s">
        <v>28</v>
      </c>
    </row>
    <row r="4" spans="1:8" x14ac:dyDescent="0.25">
      <c r="A4" s="34" t="s">
        <v>29</v>
      </c>
    </row>
    <row r="5" spans="1:8" x14ac:dyDescent="0.25">
      <c r="A5" s="34" t="s">
        <v>30</v>
      </c>
    </row>
    <row r="6" spans="1:8" x14ac:dyDescent="0.25">
      <c r="A6" s="34" t="s">
        <v>31</v>
      </c>
    </row>
    <row r="7" spans="1:8" x14ac:dyDescent="0.25">
      <c r="A7" s="34" t="s">
        <v>32</v>
      </c>
    </row>
    <row r="8" spans="1:8" ht="15.75" thickBot="1" x14ac:dyDescent="0.3"/>
    <row r="9" spans="1:8" ht="15.75" thickBot="1" x14ac:dyDescent="0.3">
      <c r="A9" s="38" t="s">
        <v>21</v>
      </c>
      <c r="B9" s="35" t="s">
        <v>1</v>
      </c>
      <c r="C9" s="35" t="s">
        <v>2</v>
      </c>
      <c r="D9" s="35" t="s">
        <v>3</v>
      </c>
      <c r="E9" s="35" t="s">
        <v>4</v>
      </c>
      <c r="F9" s="35" t="s">
        <v>5</v>
      </c>
      <c r="G9" s="35" t="s">
        <v>6</v>
      </c>
      <c r="H9" s="35" t="s">
        <v>7</v>
      </c>
    </row>
    <row r="10" spans="1:8" ht="15.75" thickBot="1" x14ac:dyDescent="0.3">
      <c r="A10" s="36" t="s">
        <v>34</v>
      </c>
      <c r="B10" s="39"/>
      <c r="C10" s="40"/>
      <c r="D10" s="40"/>
      <c r="E10" s="40"/>
      <c r="F10" s="41"/>
      <c r="G10" s="37">
        <v>420000</v>
      </c>
      <c r="H10" s="37">
        <v>430000</v>
      </c>
    </row>
    <row r="11" spans="1:8" ht="15.75" thickBot="1" x14ac:dyDescent="0.3">
      <c r="A11" s="36" t="s">
        <v>23</v>
      </c>
      <c r="B11" s="42"/>
      <c r="C11" s="43"/>
      <c r="D11" s="43"/>
      <c r="E11" s="43"/>
      <c r="F11" s="44"/>
      <c r="G11" s="37">
        <v>440000</v>
      </c>
      <c r="H11" s="37">
        <v>450000</v>
      </c>
    </row>
    <row r="12" spans="1:8" ht="15.75" thickBot="1" x14ac:dyDescent="0.3">
      <c r="A12" s="36" t="s">
        <v>24</v>
      </c>
      <c r="B12" s="37">
        <v>410000</v>
      </c>
      <c r="C12" s="37">
        <v>420000</v>
      </c>
      <c r="D12" s="37">
        <v>430000</v>
      </c>
      <c r="E12" s="37">
        <v>440000</v>
      </c>
      <c r="F12" s="37">
        <v>450000</v>
      </c>
      <c r="G12" s="37">
        <v>500000</v>
      </c>
      <c r="H12" s="37">
        <v>505000</v>
      </c>
    </row>
    <row r="13" spans="1:8" ht="15.75" thickBot="1" x14ac:dyDescent="0.3">
      <c r="A13" s="36" t="s">
        <v>25</v>
      </c>
      <c r="B13" s="37">
        <v>450000</v>
      </c>
      <c r="C13" s="37">
        <v>460000</v>
      </c>
      <c r="D13" s="37">
        <v>470000</v>
      </c>
      <c r="E13" s="37">
        <v>480000</v>
      </c>
      <c r="F13" s="37">
        <v>500000</v>
      </c>
      <c r="G13" s="37">
        <v>520000</v>
      </c>
      <c r="H13" s="37">
        <v>530000</v>
      </c>
    </row>
  </sheetData>
  <mergeCells count="1">
    <mergeCell ref="B10:F11"/>
  </mergeCell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H41"/>
  <sheetViews>
    <sheetView tabSelected="1" workbookViewId="0">
      <selection activeCell="F13" sqref="F13"/>
    </sheetView>
  </sheetViews>
  <sheetFormatPr baseColWidth="10" defaultRowHeight="15" x14ac:dyDescent="0.25"/>
  <cols>
    <col min="1" max="1" width="44.42578125" customWidth="1"/>
  </cols>
  <sheetData>
    <row r="1" spans="1:8" x14ac:dyDescent="0.25">
      <c r="A1" s="21" t="s">
        <v>36</v>
      </c>
    </row>
    <row r="2" spans="1:8" x14ac:dyDescent="0.25">
      <c r="A2" s="33" t="s">
        <v>28</v>
      </c>
    </row>
    <row r="3" spans="1:8" x14ac:dyDescent="0.25">
      <c r="A3" s="34" t="s">
        <v>29</v>
      </c>
    </row>
    <row r="4" spans="1:8" x14ac:dyDescent="0.25">
      <c r="A4" s="34" t="s">
        <v>30</v>
      </c>
    </row>
    <row r="5" spans="1:8" x14ac:dyDescent="0.25">
      <c r="A5" s="34" t="s">
        <v>31</v>
      </c>
    </row>
    <row r="6" spans="1:8" x14ac:dyDescent="0.25">
      <c r="A6" s="34" t="s">
        <v>32</v>
      </c>
    </row>
    <row r="7" spans="1:8" ht="15.75" thickBot="1" x14ac:dyDescent="0.3"/>
    <row r="8" spans="1:8" ht="15.75" thickBot="1" x14ac:dyDescent="0.3">
      <c r="A8" s="45" t="s">
        <v>0</v>
      </c>
      <c r="B8" s="47" t="s">
        <v>37</v>
      </c>
      <c r="C8" s="48"/>
      <c r="D8" s="48"/>
      <c r="E8" s="48"/>
      <c r="F8" s="48"/>
      <c r="G8" s="48"/>
      <c r="H8" s="49"/>
    </row>
    <row r="9" spans="1:8" ht="15.75" thickBot="1" x14ac:dyDescent="0.3">
      <c r="A9" s="46"/>
      <c r="B9" s="3" t="s">
        <v>1</v>
      </c>
      <c r="C9" s="2" t="s">
        <v>2</v>
      </c>
      <c r="D9" s="3" t="s">
        <v>3</v>
      </c>
      <c r="E9" s="2" t="s">
        <v>4</v>
      </c>
      <c r="F9" s="3" t="s">
        <v>5</v>
      </c>
      <c r="G9" s="2" t="s">
        <v>6</v>
      </c>
      <c r="H9" s="3" t="s">
        <v>7</v>
      </c>
    </row>
    <row r="10" spans="1:8" ht="15.75" thickBot="1" x14ac:dyDescent="0.3">
      <c r="A10" s="46"/>
      <c r="B10" s="7" t="s">
        <v>8</v>
      </c>
      <c r="C10" s="4" t="s">
        <v>9</v>
      </c>
      <c r="D10" s="7" t="s">
        <v>9</v>
      </c>
      <c r="E10" s="4" t="s">
        <v>9</v>
      </c>
      <c r="F10" s="7" t="s">
        <v>9</v>
      </c>
      <c r="G10" s="4" t="s">
        <v>9</v>
      </c>
      <c r="H10" s="7" t="s">
        <v>9</v>
      </c>
    </row>
    <row r="11" spans="1:8" x14ac:dyDescent="0.25">
      <c r="A11" s="5" t="s">
        <v>10</v>
      </c>
      <c r="B11" s="10">
        <v>301500</v>
      </c>
      <c r="C11" s="11"/>
      <c r="D11" s="11"/>
      <c r="E11" s="11"/>
      <c r="F11" s="11"/>
      <c r="G11" s="11"/>
      <c r="H11" s="12"/>
    </row>
    <row r="12" spans="1:8" x14ac:dyDescent="0.25">
      <c r="A12" s="5" t="s">
        <v>11</v>
      </c>
      <c r="B12" s="13"/>
      <c r="C12" s="8">
        <v>5500</v>
      </c>
      <c r="D12" s="8">
        <v>2800</v>
      </c>
      <c r="E12" s="8">
        <v>3000</v>
      </c>
      <c r="F12" s="8">
        <v>8100</v>
      </c>
      <c r="G12" s="8">
        <v>46300</v>
      </c>
      <c r="H12" s="14">
        <v>37900</v>
      </c>
    </row>
    <row r="13" spans="1:8" x14ac:dyDescent="0.25">
      <c r="A13" s="5" t="s">
        <v>12</v>
      </c>
      <c r="B13" s="13"/>
      <c r="C13" s="8">
        <v>307000</v>
      </c>
      <c r="D13" s="8">
        <v>309800</v>
      </c>
      <c r="E13" s="8">
        <v>312800</v>
      </c>
      <c r="F13" s="8">
        <v>320900</v>
      </c>
      <c r="G13" s="8">
        <v>367200</v>
      </c>
      <c r="H13" s="14">
        <v>405100</v>
      </c>
    </row>
    <row r="14" spans="1:8" ht="30" x14ac:dyDescent="0.25">
      <c r="A14" s="5" t="s">
        <v>13</v>
      </c>
      <c r="B14" s="15">
        <v>350800</v>
      </c>
      <c r="C14" s="9"/>
      <c r="D14" s="9"/>
      <c r="E14" s="9"/>
      <c r="F14" s="9"/>
      <c r="G14" s="9"/>
      <c r="H14" s="16"/>
    </row>
    <row r="15" spans="1:8" x14ac:dyDescent="0.25">
      <c r="A15" s="5" t="s">
        <v>11</v>
      </c>
      <c r="B15" s="13"/>
      <c r="C15" s="8">
        <v>6400</v>
      </c>
      <c r="D15" s="8">
        <v>3500</v>
      </c>
      <c r="E15" s="8">
        <v>4200</v>
      </c>
      <c r="F15" s="8">
        <v>11400</v>
      </c>
      <c r="G15" s="8">
        <v>43700</v>
      </c>
      <c r="H15" s="14">
        <v>10000</v>
      </c>
    </row>
    <row r="16" spans="1:8" x14ac:dyDescent="0.25">
      <c r="A16" s="5" t="s">
        <v>12</v>
      </c>
      <c r="B16" s="13"/>
      <c r="C16" s="8">
        <v>357200</v>
      </c>
      <c r="D16" s="8">
        <v>360700</v>
      </c>
      <c r="E16" s="8">
        <v>364900</v>
      </c>
      <c r="F16" s="8">
        <v>376300</v>
      </c>
      <c r="G16" s="8">
        <v>420000</v>
      </c>
      <c r="H16" s="14">
        <v>430000</v>
      </c>
    </row>
    <row r="17" spans="1:8" ht="30" x14ac:dyDescent="0.25">
      <c r="A17" s="5" t="s">
        <v>14</v>
      </c>
      <c r="B17" s="15">
        <v>372800</v>
      </c>
      <c r="C17" s="9"/>
      <c r="D17" s="9"/>
      <c r="E17" s="9"/>
      <c r="F17" s="9"/>
      <c r="G17" s="9"/>
      <c r="H17" s="16"/>
    </row>
    <row r="18" spans="1:8" x14ac:dyDescent="0.25">
      <c r="A18" s="5" t="s">
        <v>11</v>
      </c>
      <c r="B18" s="13"/>
      <c r="C18" s="8">
        <v>6400</v>
      </c>
      <c r="D18" s="8">
        <v>3500</v>
      </c>
      <c r="E18" s="8">
        <v>4200</v>
      </c>
      <c r="F18" s="8">
        <v>11400</v>
      </c>
      <c r="G18" s="8">
        <v>41700</v>
      </c>
      <c r="H18" s="14">
        <v>10000</v>
      </c>
    </row>
    <row r="19" spans="1:8" x14ac:dyDescent="0.25">
      <c r="A19" s="5" t="s">
        <v>12</v>
      </c>
      <c r="B19" s="13"/>
      <c r="C19" s="8">
        <v>379200</v>
      </c>
      <c r="D19" s="8">
        <v>382700</v>
      </c>
      <c r="E19" s="8">
        <v>386900</v>
      </c>
      <c r="F19" s="8">
        <v>398300</v>
      </c>
      <c r="G19" s="8">
        <v>440000</v>
      </c>
      <c r="H19" s="14">
        <v>450000</v>
      </c>
    </row>
    <row r="20" spans="1:8" ht="30" x14ac:dyDescent="0.25">
      <c r="A20" s="5" t="s">
        <v>15</v>
      </c>
      <c r="B20" s="15">
        <v>410000</v>
      </c>
      <c r="C20" s="9"/>
      <c r="D20" s="9"/>
      <c r="E20" s="9"/>
      <c r="F20" s="9"/>
      <c r="G20" s="9"/>
      <c r="H20" s="16"/>
    </row>
    <row r="21" spans="1:8" x14ac:dyDescent="0.25">
      <c r="A21" s="5" t="s">
        <v>11</v>
      </c>
      <c r="B21" s="13"/>
      <c r="C21" s="8">
        <v>10000</v>
      </c>
      <c r="D21" s="8">
        <v>10000</v>
      </c>
      <c r="E21" s="8">
        <v>10000</v>
      </c>
      <c r="F21" s="8">
        <v>10000</v>
      </c>
      <c r="G21" s="8">
        <v>50000</v>
      </c>
      <c r="H21" s="14">
        <v>5000</v>
      </c>
    </row>
    <row r="22" spans="1:8" x14ac:dyDescent="0.25">
      <c r="A22" s="5" t="s">
        <v>12</v>
      </c>
      <c r="B22" s="13"/>
      <c r="C22" s="8">
        <v>420000</v>
      </c>
      <c r="D22" s="8">
        <v>430000</v>
      </c>
      <c r="E22" s="8">
        <v>440000</v>
      </c>
      <c r="F22" s="8">
        <v>450000</v>
      </c>
      <c r="G22" s="8">
        <v>500000</v>
      </c>
      <c r="H22" s="14">
        <v>505000</v>
      </c>
    </row>
    <row r="23" spans="1:8" ht="30" x14ac:dyDescent="0.25">
      <c r="A23" s="5" t="s">
        <v>16</v>
      </c>
      <c r="B23" s="15">
        <v>450000</v>
      </c>
      <c r="C23" s="9"/>
      <c r="D23" s="9"/>
      <c r="E23" s="9"/>
      <c r="F23" s="9"/>
      <c r="G23" s="9"/>
      <c r="H23" s="16"/>
    </row>
    <row r="24" spans="1:8" x14ac:dyDescent="0.25">
      <c r="A24" s="5" t="s">
        <v>11</v>
      </c>
      <c r="B24" s="13"/>
      <c r="C24" s="8">
        <v>10000</v>
      </c>
      <c r="D24" s="8">
        <v>10000</v>
      </c>
      <c r="E24" s="8">
        <v>10000</v>
      </c>
      <c r="F24" s="8">
        <v>20000</v>
      </c>
      <c r="G24" s="8">
        <v>20000</v>
      </c>
      <c r="H24" s="14">
        <v>10000</v>
      </c>
    </row>
    <row r="25" spans="1:8" x14ac:dyDescent="0.25">
      <c r="A25" s="5" t="s">
        <v>12</v>
      </c>
      <c r="B25" s="13"/>
      <c r="C25" s="8">
        <v>460000</v>
      </c>
      <c r="D25" s="8">
        <v>470000</v>
      </c>
      <c r="E25" s="8">
        <v>480000</v>
      </c>
      <c r="F25" s="8">
        <v>500000</v>
      </c>
      <c r="G25" s="8">
        <v>520000</v>
      </c>
      <c r="H25" s="14">
        <v>530000</v>
      </c>
    </row>
    <row r="26" spans="1:8" ht="27" customHeight="1" x14ac:dyDescent="0.25">
      <c r="A26" s="5" t="s">
        <v>17</v>
      </c>
      <c r="B26" s="15">
        <v>489700</v>
      </c>
      <c r="C26" s="9"/>
      <c r="D26" s="9"/>
      <c r="E26" s="9"/>
      <c r="F26" s="9"/>
      <c r="G26" s="9"/>
      <c r="H26" s="16"/>
    </row>
    <row r="27" spans="1:8" x14ac:dyDescent="0.25">
      <c r="A27" s="5" t="s">
        <v>11</v>
      </c>
      <c r="B27" s="13"/>
      <c r="C27" s="8">
        <v>9700</v>
      </c>
      <c r="D27" s="8">
        <v>4600</v>
      </c>
      <c r="E27" s="8">
        <v>4800</v>
      </c>
      <c r="F27" s="8">
        <v>10300</v>
      </c>
      <c r="G27" s="8">
        <v>17700</v>
      </c>
      <c r="H27" s="14">
        <v>40100</v>
      </c>
    </row>
    <row r="28" spans="1:8" x14ac:dyDescent="0.25">
      <c r="A28" s="5" t="s">
        <v>12</v>
      </c>
      <c r="B28" s="13"/>
      <c r="C28" s="8">
        <v>499400</v>
      </c>
      <c r="D28" s="8">
        <v>504000</v>
      </c>
      <c r="E28" s="8">
        <v>508800</v>
      </c>
      <c r="F28" s="8">
        <v>519100</v>
      </c>
      <c r="G28" s="8">
        <v>536800</v>
      </c>
      <c r="H28" s="14">
        <v>576900</v>
      </c>
    </row>
    <row r="29" spans="1:8" x14ac:dyDescent="0.25">
      <c r="A29" s="5" t="s">
        <v>18</v>
      </c>
      <c r="B29" s="15">
        <v>514600</v>
      </c>
      <c r="C29" s="9"/>
      <c r="D29" s="9"/>
      <c r="E29" s="9"/>
      <c r="F29" s="9"/>
      <c r="G29" s="9"/>
      <c r="H29" s="16"/>
    </row>
    <row r="30" spans="1:8" x14ac:dyDescent="0.25">
      <c r="A30" s="5" t="s">
        <v>11</v>
      </c>
      <c r="B30" s="13"/>
      <c r="C30" s="8">
        <v>9800</v>
      </c>
      <c r="D30" s="8">
        <v>5700</v>
      </c>
      <c r="E30" s="8">
        <v>5500</v>
      </c>
      <c r="F30" s="8">
        <v>5200</v>
      </c>
      <c r="G30" s="8">
        <v>28900</v>
      </c>
      <c r="H30" s="14">
        <v>53600</v>
      </c>
    </row>
    <row r="31" spans="1:8" x14ac:dyDescent="0.25">
      <c r="A31" s="5" t="s">
        <v>12</v>
      </c>
      <c r="B31" s="13"/>
      <c r="C31" s="8">
        <v>524400</v>
      </c>
      <c r="D31" s="8">
        <v>530100</v>
      </c>
      <c r="E31" s="8">
        <v>535600</v>
      </c>
      <c r="F31" s="8">
        <v>540800</v>
      </c>
      <c r="G31" s="8">
        <v>569700</v>
      </c>
      <c r="H31" s="14">
        <v>623300</v>
      </c>
    </row>
    <row r="32" spans="1:8" x14ac:dyDescent="0.25">
      <c r="A32" s="5" t="s">
        <v>19</v>
      </c>
      <c r="B32" s="15">
        <v>531700</v>
      </c>
      <c r="C32" s="9"/>
      <c r="D32" s="9"/>
      <c r="E32" s="9"/>
      <c r="F32" s="9"/>
      <c r="G32" s="9"/>
      <c r="H32" s="16"/>
    </row>
    <row r="33" spans="1:8" x14ac:dyDescent="0.25">
      <c r="A33" s="5" t="s">
        <v>11</v>
      </c>
      <c r="B33" s="13"/>
      <c r="C33" s="8">
        <v>10400</v>
      </c>
      <c r="D33" s="8">
        <v>5700</v>
      </c>
      <c r="E33" s="8">
        <v>5500</v>
      </c>
      <c r="F33" s="8">
        <v>8000</v>
      </c>
      <c r="G33" s="8">
        <v>26800</v>
      </c>
      <c r="H33" s="14">
        <v>62900</v>
      </c>
    </row>
    <row r="34" spans="1:8" ht="15.75" thickBot="1" x14ac:dyDescent="0.3">
      <c r="A34" s="6" t="s">
        <v>12</v>
      </c>
      <c r="B34" s="17"/>
      <c r="C34" s="18">
        <v>542100</v>
      </c>
      <c r="D34" s="18">
        <v>547800</v>
      </c>
      <c r="E34" s="18">
        <v>553300</v>
      </c>
      <c r="F34" s="18">
        <v>561300</v>
      </c>
      <c r="G34" s="18">
        <v>588100</v>
      </c>
      <c r="H34" s="19">
        <v>651000</v>
      </c>
    </row>
    <row r="36" spans="1:8" x14ac:dyDescent="0.25">
      <c r="A36" s="20" t="s">
        <v>20</v>
      </c>
    </row>
    <row r="38" spans="1:8" x14ac:dyDescent="0.25">
      <c r="A38" s="34" t="s">
        <v>29</v>
      </c>
    </row>
    <row r="39" spans="1:8" x14ac:dyDescent="0.25">
      <c r="A39" s="34" t="s">
        <v>30</v>
      </c>
    </row>
    <row r="40" spans="1:8" x14ac:dyDescent="0.25">
      <c r="A40" s="34" t="s">
        <v>31</v>
      </c>
    </row>
    <row r="41" spans="1:8" x14ac:dyDescent="0.25">
      <c r="A41" s="34" t="s">
        <v>32</v>
      </c>
    </row>
  </sheetData>
  <mergeCells count="2">
    <mergeCell ref="A8:A10"/>
    <mergeCell ref="B8:H8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3</vt:i4>
      </vt:variant>
    </vt:vector>
  </HeadingPairs>
  <TitlesOfParts>
    <vt:vector size="3" baseType="lpstr">
      <vt:lpstr>Sentrale tillegg</vt:lpstr>
      <vt:lpstr>Særskilte lønnstiltak</vt:lpstr>
      <vt:lpstr>Garantilønn-Ansiennitetstillegg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Martina Pilskog</cp:lastModifiedBy>
  <dcterms:created xsi:type="dcterms:W3CDTF">2018-09-17T10:17:37Z</dcterms:created>
  <dcterms:modified xsi:type="dcterms:W3CDTF">2019-07-11T11:08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</Properties>
</file>